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191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1\profile\leszek.saks\Documents\"/>
    </mc:Choice>
  </mc:AlternateContent>
  <xr:revisionPtr revIDLastSave="0" documentId="8_{48EB5EA4-4BE4-4EC9-AF84-AE75580C3722}" xr6:coauthVersionLast="31" xr6:coauthVersionMax="31" xr10:uidLastSave="{00000000-0000-0000-0000-000000000000}"/>
  <bookViews>
    <workbookView xWindow="0" yWindow="0" windowWidth="16490" windowHeight="7680" xr2:uid="{227DF6B3-A6C5-49B5-8D49-C3A24132B988}"/>
  </bookViews>
  <sheets>
    <sheet name="Arkusz1" sheetId="1" r:id="rId1"/>
  </sheets>
  <calcPr calcId="17901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1" uniqueCount="105">
  <si>
    <t xml:space="preserve">Komunikat obsady nr  20 / 2018 </t>
  </si>
  <si>
    <t>20 kolejka    EKSTRALIGI   14 - 15.04.2018</t>
  </si>
  <si>
    <t>Data</t>
  </si>
  <si>
    <t>godzina</t>
  </si>
  <si>
    <t xml:space="preserve">Sędzia </t>
  </si>
  <si>
    <t>Sędzie Asystentki</t>
  </si>
  <si>
    <t>GKS GÓRNIK  ŁĘCZNA</t>
  </si>
  <si>
    <t>LUKS  SPORTOWA  CZWÓRKA</t>
  </si>
  <si>
    <t>14.04</t>
  </si>
  <si>
    <t>16.00</t>
  </si>
  <si>
    <t>Al.. Jana Pawła II  13</t>
  </si>
  <si>
    <t xml:space="preserve"> A. KOWALSKA</t>
  </si>
  <si>
    <t xml:space="preserve"> A. BOBOWSKA</t>
  </si>
  <si>
    <t xml:space="preserve"> S. CZARNECKA</t>
  </si>
  <si>
    <t>UNIFREEZE  GÓRZNO</t>
  </si>
  <si>
    <t>KKPK  MEDYK  KONIN</t>
  </si>
  <si>
    <t>11.00</t>
  </si>
  <si>
    <t>Miesiączkowo 91</t>
  </si>
  <si>
    <t>E. SZYMULA</t>
  </si>
  <si>
    <t>P. BARANOWSKA</t>
  </si>
  <si>
    <t>E. KRÓLIKOWSKA</t>
  </si>
  <si>
    <t>CZARNI  SOSNOWIEC</t>
  </si>
  <si>
    <t>AZS PSW  BP</t>
  </si>
  <si>
    <t>Al. Mireckiego 31</t>
  </si>
  <si>
    <t>A. PŁASKOCIŃSKA</t>
  </si>
  <si>
    <t>M. ZŁOTEK</t>
  </si>
  <si>
    <t>M. KURYŚ</t>
  </si>
  <si>
    <t>MKS  OLIMPIA  SZCZECIN</t>
  </si>
  <si>
    <t>AZS  UJ KRAKÓW</t>
  </si>
  <si>
    <t xml:space="preserve">ul. Ks. Bp. W. Bandurskiego 35 </t>
  </si>
  <si>
    <t>M. MULARCZYK</t>
  </si>
  <si>
    <t>A. WIECZOREK</t>
  </si>
  <si>
    <t>J. BUKAROWICZ</t>
  </si>
  <si>
    <t>UKS  SMS  ŁÓDŹ</t>
  </si>
  <si>
    <t>TS  MITECH  ŻYWIEC</t>
  </si>
  <si>
    <t>15.04</t>
  </si>
  <si>
    <t>ul. Milionowa 12</t>
  </si>
  <si>
    <t>K. LISIECKA - SĘK</t>
  </si>
  <si>
    <t>S. GRYGIEL</t>
  </si>
  <si>
    <t>O. PIETYRZYKOWSKA</t>
  </si>
  <si>
    <t>AZS PWSZ  WAŁBRZYCH</t>
  </si>
  <si>
    <t>AZS  WROCŁAW</t>
  </si>
  <si>
    <t>ul. Ratuszowa 6</t>
  </si>
  <si>
    <t>M. FIGURA</t>
  </si>
  <si>
    <t>A. SYNÓWKA</t>
  </si>
  <si>
    <t>I. KOWALSKA- CICHOS</t>
  </si>
  <si>
    <t>14.00</t>
  </si>
  <si>
    <t>K. KWITOWSKA</t>
  </si>
  <si>
    <t>K. IMIOŁO</t>
  </si>
  <si>
    <t xml:space="preserve">Komunikat obsady nr 22 / 2018 </t>
  </si>
  <si>
    <t>12 kolejka    I  LIGI  GRUPA PÓŁNOCNA  14 - 15.04.2018</t>
  </si>
  <si>
    <t>UKS  SMS II   ŁÓDŹ</t>
  </si>
  <si>
    <t>KS  RASZYN</t>
  </si>
  <si>
    <t>15.00</t>
  </si>
  <si>
    <t>K. BOJAR</t>
  </si>
  <si>
    <t>M. POLEK</t>
  </si>
  <si>
    <t>M. WASIL</t>
  </si>
  <si>
    <t xml:space="preserve"> AKADEMIA  PIŁKARSKA  LG</t>
  </si>
  <si>
    <t>MUKS  DARGFIL</t>
  </si>
  <si>
    <t xml:space="preserve"> ul. Wyzwolenia 8</t>
  </si>
  <si>
    <t>M. GIZA</t>
  </si>
  <si>
    <t>P. KOLATORSKA</t>
  </si>
  <si>
    <t xml:space="preserve"> PAUZA</t>
  </si>
  <si>
    <t>POLONIA  POZNAŃ</t>
  </si>
  <si>
    <t>KKP  BYDGOSZCZ</t>
  </si>
  <si>
    <t>KKP  STOMILANKI  OLSZTYN</t>
  </si>
  <si>
    <t>17.00</t>
  </si>
  <si>
    <t>ul. Słowiańska 7</t>
  </si>
  <si>
    <t>K. DAMPS</t>
  </si>
  <si>
    <t>M. KRZEMIŃSKA</t>
  </si>
  <si>
    <t>A. DUDKIEWICZ</t>
  </si>
  <si>
    <t>SZTORM  GDAŃSK</t>
  </si>
  <si>
    <t>MEDYK  II  KONIN</t>
  </si>
  <si>
    <t>ul.K. Górskiego 1</t>
  </si>
  <si>
    <t>J. NOWAK</t>
  </si>
  <si>
    <t>N. NASTAŁY</t>
  </si>
  <si>
    <t>Komunikat obsady nr 23/ 2018</t>
  </si>
  <si>
    <t>12 kolejka    I  LIGI  GRUPA POŁUDNIOWA   14 - 15.04.2018</t>
  </si>
  <si>
    <t>PAUZA</t>
  </si>
  <si>
    <t>ISD AJD CZĘSTOCHOWA</t>
  </si>
  <si>
    <t>TARNOVIA  TARNÓW</t>
  </si>
  <si>
    <t>SOKÓŁ  KOLBUSZOWA  DOLNA</t>
  </si>
  <si>
    <t>ul. W. Bandrowskiego 9</t>
  </si>
  <si>
    <t>A. GĘBKA</t>
  </si>
  <si>
    <t>I. MNICH</t>
  </si>
  <si>
    <t>K. JESIONOWSKA</t>
  </si>
  <si>
    <t>KS RYSY BUKOWINA  TATRZAŃSKA</t>
  </si>
  <si>
    <t>GKS GIEKSA  KATOWICE</t>
  </si>
  <si>
    <t xml:space="preserve"> Białka Tatrzańska</t>
  </si>
  <si>
    <t>A. OLESIAK</t>
  </si>
  <si>
    <t>ul. Środkowa 151</t>
  </si>
  <si>
    <t>A. HYNEK</t>
  </si>
  <si>
    <t>MUKS  PRAGA  WARSZAWA</t>
  </si>
  <si>
    <t>RESOVIA  RZESZÓW</t>
  </si>
  <si>
    <t>121.30</t>
  </si>
  <si>
    <t>ul. Kawęczyńska 44</t>
  </si>
  <si>
    <t>D. CZERSKA-KUREK</t>
  </si>
  <si>
    <t>A. DOBRZYŃSKA</t>
  </si>
  <si>
    <t>E. STRZALIŃSKA</t>
  </si>
  <si>
    <t>LKS  ROLNIK B. GŁOGÓWEK</t>
  </si>
  <si>
    <t>WANDA  KRAKÓW</t>
  </si>
  <si>
    <t>ul. Damrota 12</t>
  </si>
  <si>
    <t>A. KALITA - MALASIEWICZ</t>
  </si>
  <si>
    <t>D. DYMEK</t>
  </si>
  <si>
    <t>K. KONSE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0"/>
      <name val="Arial CE"/>
      <family val="2"/>
      <charset val="238"/>
    </font>
    <font>
      <sz val="10"/>
      <name val="Arial CE"/>
      <charset val="238"/>
    </font>
    <font>
      <b/>
      <sz val="14"/>
      <name val="Arial CE"/>
      <family val="2"/>
      <charset val="238"/>
    </font>
    <font>
      <b/>
      <sz val="12"/>
      <name val="Arial CE"/>
      <family val="2"/>
      <charset val="238"/>
    </font>
    <font>
      <sz val="11"/>
      <name val="Arial CE"/>
      <family val="2"/>
      <charset val="23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</borders>
  <cellStyleXfs count="3">
    <xf numFmtId="0" fontId="0" fillId="0" borderId="0"/>
    <xf numFmtId="0" fontId="1" fillId="0" borderId="0"/>
    <xf numFmtId="0" fontId="3" fillId="0" borderId="0"/>
  </cellStyleXfs>
  <cellXfs count="52">
    <xf numFmtId="0" fontId="0" fillId="0" borderId="0" xfId="0"/>
    <xf numFmtId="0" fontId="0" fillId="0" borderId="0" xfId="0" applyFont="1"/>
    <xf numFmtId="0" fontId="2" fillId="0" borderId="1" xfId="1" applyFont="1" applyBorder="1" applyAlignment="1">
      <alignment horizontal="center" vertical="center" wrapText="1" shrinkToFit="1"/>
    </xf>
    <xf numFmtId="0" fontId="2" fillId="0" borderId="0" xfId="1" applyFont="1" applyBorder="1" applyAlignment="1">
      <alignment horizontal="center" vertical="center" wrapText="1" shrinkToFit="1"/>
    </xf>
    <xf numFmtId="0" fontId="2" fillId="0" borderId="0" xfId="1" applyFont="1" applyBorder="1" applyAlignment="1">
      <alignment horizontal="center" vertical="center" shrinkToFit="1"/>
    </xf>
    <xf numFmtId="20" fontId="2" fillId="0" borderId="0" xfId="1" applyNumberFormat="1" applyFont="1" applyBorder="1" applyAlignment="1">
      <alignment horizontal="center" vertical="center" shrinkToFit="1"/>
    </xf>
    <xf numFmtId="0" fontId="2" fillId="0" borderId="2" xfId="2" applyFont="1" applyBorder="1" applyAlignment="1">
      <alignment horizontal="center" vertical="center" shrinkToFit="1"/>
    </xf>
    <xf numFmtId="0" fontId="4" fillId="0" borderId="3" xfId="2" applyFont="1" applyBorder="1" applyAlignment="1">
      <alignment horizontal="center" vertical="center" shrinkToFit="1"/>
    </xf>
    <xf numFmtId="0" fontId="4" fillId="0" borderId="4" xfId="2" applyFont="1" applyBorder="1" applyAlignment="1">
      <alignment horizontal="center" vertical="center" shrinkToFit="1"/>
    </xf>
    <xf numFmtId="0" fontId="4" fillId="0" borderId="5" xfId="2" applyFont="1" applyBorder="1" applyAlignment="1">
      <alignment horizontal="center" vertical="center" shrinkToFit="1"/>
    </xf>
    <xf numFmtId="2" fontId="5" fillId="0" borderId="6" xfId="2" applyNumberFormat="1" applyFont="1" applyFill="1" applyBorder="1" applyAlignment="1">
      <alignment horizontal="center" vertical="center" shrinkToFit="1"/>
    </xf>
    <xf numFmtId="2" fontId="5" fillId="0" borderId="7" xfId="2" applyNumberFormat="1" applyFont="1" applyFill="1" applyBorder="1" applyAlignment="1">
      <alignment horizontal="center" vertical="center" shrinkToFit="1"/>
    </xf>
    <xf numFmtId="2" fontId="5" fillId="0" borderId="8" xfId="2" applyNumberFormat="1" applyFont="1" applyFill="1" applyBorder="1" applyAlignment="1">
      <alignment horizontal="center" vertical="center" shrinkToFit="1"/>
    </xf>
    <xf numFmtId="0" fontId="2" fillId="0" borderId="6" xfId="2" applyFont="1" applyFill="1" applyBorder="1" applyAlignment="1">
      <alignment horizontal="center" vertical="center" shrinkToFit="1"/>
    </xf>
    <xf numFmtId="0" fontId="2" fillId="0" borderId="9" xfId="2" applyFont="1" applyFill="1" applyBorder="1" applyAlignment="1">
      <alignment horizontal="center" vertical="center" shrinkToFit="1"/>
    </xf>
    <xf numFmtId="0" fontId="2" fillId="0" borderId="10" xfId="2" applyFont="1" applyFill="1" applyBorder="1" applyAlignment="1">
      <alignment horizontal="center" vertical="center" shrinkToFit="1"/>
    </xf>
    <xf numFmtId="0" fontId="2" fillId="0" borderId="11" xfId="2" applyFont="1" applyFill="1" applyBorder="1" applyAlignment="1">
      <alignment horizontal="center" vertical="center" shrinkToFit="1"/>
    </xf>
    <xf numFmtId="0" fontId="2" fillId="0" borderId="12" xfId="1" applyFont="1" applyBorder="1" applyAlignment="1">
      <alignment horizontal="center" vertical="center" wrapText="1" shrinkToFit="1"/>
    </xf>
    <xf numFmtId="16" fontId="2" fillId="0" borderId="13" xfId="1" applyNumberFormat="1" applyFont="1" applyBorder="1" applyAlignment="1">
      <alignment horizontal="center" vertical="center" shrinkToFit="1"/>
    </xf>
    <xf numFmtId="20" fontId="2" fillId="0" borderId="14" xfId="1" applyNumberFormat="1" applyFont="1" applyBorder="1" applyAlignment="1">
      <alignment horizontal="center" vertical="center" shrinkToFit="1"/>
    </xf>
    <xf numFmtId="0" fontId="2" fillId="0" borderId="14" xfId="1" applyFont="1" applyBorder="1" applyAlignment="1">
      <alignment horizontal="center" vertical="center" shrinkToFit="1"/>
    </xf>
    <xf numFmtId="0" fontId="2" fillId="0" borderId="15" xfId="1" applyFont="1" applyBorder="1" applyAlignment="1">
      <alignment horizontal="center" vertical="center" wrapText="1" shrinkToFit="1"/>
    </xf>
    <xf numFmtId="0" fontId="2" fillId="0" borderId="11" xfId="2" applyFont="1" applyBorder="1" applyAlignment="1">
      <alignment horizontal="center" vertical="center" shrinkToFit="1"/>
    </xf>
    <xf numFmtId="0" fontId="2" fillId="0" borderId="16" xfId="1" applyFont="1" applyBorder="1" applyAlignment="1">
      <alignment horizontal="center" vertical="center" wrapText="1" shrinkToFit="1"/>
    </xf>
    <xf numFmtId="0" fontId="2" fillId="0" borderId="17" xfId="1" applyFont="1" applyBorder="1" applyAlignment="1">
      <alignment horizontal="center" vertical="center" shrinkToFit="1"/>
    </xf>
    <xf numFmtId="20" fontId="2" fillId="0" borderId="18" xfId="1" applyNumberFormat="1" applyFont="1" applyBorder="1" applyAlignment="1">
      <alignment horizontal="center" vertical="center" shrinkToFit="1"/>
    </xf>
    <xf numFmtId="0" fontId="2" fillId="0" borderId="18" xfId="1" applyFont="1" applyBorder="1" applyAlignment="1">
      <alignment horizontal="center" vertical="center" shrinkToFit="1"/>
    </xf>
    <xf numFmtId="0" fontId="2" fillId="0" borderId="18" xfId="1" applyFont="1" applyBorder="1" applyAlignment="1">
      <alignment horizontal="center" vertical="center" wrapText="1" shrinkToFit="1"/>
    </xf>
    <xf numFmtId="0" fontId="2" fillId="0" borderId="18" xfId="2" applyFont="1" applyBorder="1" applyAlignment="1">
      <alignment horizontal="center" vertical="center" shrinkToFit="1"/>
    </xf>
    <xf numFmtId="0" fontId="2" fillId="0" borderId="12" xfId="1" applyFont="1" applyBorder="1" applyAlignment="1">
      <alignment horizontal="center" vertical="center" wrapText="1" shrinkToFit="1"/>
    </xf>
    <xf numFmtId="0" fontId="2" fillId="0" borderId="16" xfId="1" applyFont="1" applyBorder="1" applyAlignment="1">
      <alignment horizontal="center" vertical="center" wrapText="1" shrinkToFit="1"/>
    </xf>
    <xf numFmtId="0" fontId="6" fillId="0" borderId="18" xfId="1" applyFont="1" applyBorder="1" applyAlignment="1">
      <alignment horizontal="center" vertical="center" shrinkToFit="1"/>
    </xf>
    <xf numFmtId="0" fontId="2" fillId="0" borderId="14" xfId="1" applyFont="1" applyBorder="1" applyAlignment="1">
      <alignment horizontal="center" vertical="center" wrapText="1" shrinkToFit="1"/>
    </xf>
    <xf numFmtId="0" fontId="2" fillId="0" borderId="15" xfId="1" applyFont="1" applyBorder="1" applyAlignment="1">
      <alignment horizontal="center" vertical="center" shrinkToFit="1"/>
    </xf>
    <xf numFmtId="0" fontId="2" fillId="0" borderId="11" xfId="1" applyFont="1" applyBorder="1" applyAlignment="1">
      <alignment horizontal="center" vertical="center" wrapText="1" shrinkToFit="1"/>
    </xf>
    <xf numFmtId="0" fontId="2" fillId="0" borderId="13" xfId="1" applyFont="1" applyBorder="1" applyAlignment="1">
      <alignment horizontal="center" vertical="center" shrinkToFit="1"/>
    </xf>
    <xf numFmtId="0" fontId="2" fillId="0" borderId="19" xfId="1" applyFont="1" applyBorder="1" applyAlignment="1">
      <alignment horizontal="center" vertical="center" wrapText="1" shrinkToFit="1"/>
    </xf>
    <xf numFmtId="0" fontId="2" fillId="0" borderId="21" xfId="1" applyFont="1" applyBorder="1" applyAlignment="1">
      <alignment horizontal="center" vertical="center" shrinkToFit="1"/>
    </xf>
    <xf numFmtId="0" fontId="2" fillId="0" borderId="21" xfId="1" applyFont="1" applyBorder="1" applyAlignment="1">
      <alignment horizontal="center" vertical="center" wrapText="1" shrinkToFit="1"/>
    </xf>
    <xf numFmtId="0" fontId="2" fillId="0" borderId="22" xfId="2" applyFont="1" applyBorder="1" applyAlignment="1">
      <alignment horizontal="center" vertical="center" shrinkToFit="1"/>
    </xf>
    <xf numFmtId="0" fontId="2" fillId="0" borderId="14" xfId="1" applyFont="1" applyBorder="1" applyAlignment="1">
      <alignment horizontal="center" vertical="center" wrapText="1" shrinkToFit="1"/>
    </xf>
    <xf numFmtId="0" fontId="3" fillId="0" borderId="18" xfId="2" applyFont="1" applyBorder="1" applyAlignment="1">
      <alignment horizontal="center" vertical="center" shrinkToFit="1"/>
    </xf>
    <xf numFmtId="0" fontId="2" fillId="0" borderId="18" xfId="1" applyFont="1" applyBorder="1" applyAlignment="1">
      <alignment horizontal="center" vertical="center" wrapText="1" shrinkToFit="1"/>
    </xf>
    <xf numFmtId="0" fontId="2" fillId="0" borderId="23" xfId="2" applyFont="1" applyFill="1" applyBorder="1" applyAlignment="1">
      <alignment horizontal="center" vertical="center" shrinkToFit="1"/>
    </xf>
    <xf numFmtId="0" fontId="2" fillId="0" borderId="23" xfId="2" applyFont="1" applyFill="1" applyBorder="1" applyAlignment="1">
      <alignment horizontal="center" vertical="center" shrinkToFit="1"/>
    </xf>
    <xf numFmtId="0" fontId="2" fillId="0" borderId="15" xfId="1" applyFont="1" applyBorder="1" applyAlignment="1">
      <alignment horizontal="center" vertical="center" wrapText="1" shrinkToFit="1"/>
    </xf>
    <xf numFmtId="0" fontId="2" fillId="0" borderId="24" xfId="2" applyFont="1" applyBorder="1" applyAlignment="1">
      <alignment horizontal="center" vertical="center" shrinkToFit="1"/>
    </xf>
    <xf numFmtId="0" fontId="2" fillId="0" borderId="25" xfId="1" applyFont="1" applyBorder="1" applyAlignment="1">
      <alignment horizontal="center" vertical="center" wrapText="1" shrinkToFit="1"/>
    </xf>
    <xf numFmtId="0" fontId="2" fillId="0" borderId="19" xfId="1" applyFont="1" applyBorder="1" applyAlignment="1">
      <alignment horizontal="center" vertical="center" wrapText="1" shrinkToFit="1"/>
    </xf>
    <xf numFmtId="0" fontId="2" fillId="0" borderId="20" xfId="1" applyFont="1" applyBorder="1" applyAlignment="1">
      <alignment horizontal="center" vertical="center" shrinkToFit="1"/>
    </xf>
    <xf numFmtId="20" fontId="2" fillId="0" borderId="21" xfId="1" applyNumberFormat="1" applyFont="1" applyBorder="1" applyAlignment="1">
      <alignment horizontal="center" vertical="center" shrinkToFit="1"/>
    </xf>
    <xf numFmtId="0" fontId="6" fillId="0" borderId="21" xfId="1" applyFont="1" applyBorder="1" applyAlignment="1">
      <alignment horizontal="center" vertical="center" shrinkToFit="1"/>
    </xf>
  </cellXfs>
  <cellStyles count="3">
    <cellStyle name="Normalny" xfId="0" builtinId="0"/>
    <cellStyle name="Normalny 2" xfId="2" xr:uid="{388FE3C2-253D-4FFE-8BF1-1BBE01E7DCAD}"/>
    <cellStyle name="Normalny 3" xfId="1" xr:uid="{3DC3849B-0D09-4CEA-ABFC-57F249AE1F6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BF91A1-1C50-4CDB-B505-E88B369DA66F}">
  <dimension ref="A1:H48"/>
  <sheetViews>
    <sheetView tabSelected="1" topLeftCell="A10" workbookViewId="0">
      <selection activeCell="I16" sqref="I16"/>
    </sheetView>
  </sheetViews>
  <sheetFormatPr defaultRowHeight="14.5" x14ac:dyDescent="0.35"/>
  <cols>
    <col min="1" max="1" width="20.90625" customWidth="1"/>
    <col min="2" max="2" width="18.7265625" customWidth="1"/>
    <col min="5" max="5" width="20.90625" customWidth="1"/>
    <col min="6" max="6" width="20.6328125" customWidth="1"/>
    <col min="7" max="7" width="24" customWidth="1"/>
  </cols>
  <sheetData>
    <row r="1" spans="1:8" x14ac:dyDescent="0.35">
      <c r="A1" s="1"/>
      <c r="B1" s="1"/>
      <c r="C1" s="1"/>
      <c r="D1" s="1"/>
      <c r="E1" s="1"/>
      <c r="F1" s="1"/>
      <c r="G1" s="1"/>
      <c r="H1" s="1"/>
    </row>
    <row r="2" spans="1:8" ht="15" thickBot="1" x14ac:dyDescent="0.4">
      <c r="A2" s="2"/>
      <c r="B2" s="3"/>
      <c r="C2" s="4"/>
      <c r="D2" s="5"/>
      <c r="E2" s="4"/>
      <c r="F2" s="3"/>
      <c r="G2" s="6"/>
      <c r="H2" s="1"/>
    </row>
    <row r="3" spans="1:8" ht="18" x14ac:dyDescent="0.35">
      <c r="A3" s="7" t="s">
        <v>0</v>
      </c>
      <c r="B3" s="8"/>
      <c r="C3" s="8"/>
      <c r="D3" s="8"/>
      <c r="E3" s="8"/>
      <c r="F3" s="8"/>
      <c r="G3" s="9"/>
      <c r="H3" s="1"/>
    </row>
    <row r="4" spans="1:8" ht="15.5" x14ac:dyDescent="0.35">
      <c r="A4" s="10" t="s">
        <v>1</v>
      </c>
      <c r="B4" s="11"/>
      <c r="C4" s="11"/>
      <c r="D4" s="11"/>
      <c r="E4" s="11"/>
      <c r="F4" s="11"/>
      <c r="G4" s="12"/>
      <c r="H4" s="1"/>
    </row>
    <row r="5" spans="1:8" x14ac:dyDescent="0.35">
      <c r="A5" s="13"/>
      <c r="B5" s="14"/>
      <c r="C5" s="15" t="s">
        <v>2</v>
      </c>
      <c r="D5" s="16" t="s">
        <v>3</v>
      </c>
      <c r="E5" s="16"/>
      <c r="F5" s="16" t="s">
        <v>4</v>
      </c>
      <c r="G5" s="16" t="s">
        <v>5</v>
      </c>
      <c r="H5" s="1"/>
    </row>
    <row r="6" spans="1:8" ht="37.5" x14ac:dyDescent="0.35">
      <c r="A6" s="17" t="s">
        <v>6</v>
      </c>
      <c r="B6" s="17" t="s">
        <v>7</v>
      </c>
      <c r="C6" s="18" t="s">
        <v>8</v>
      </c>
      <c r="D6" s="19" t="s">
        <v>9</v>
      </c>
      <c r="E6" s="20" t="s">
        <v>10</v>
      </c>
      <c r="F6" s="21" t="s">
        <v>11</v>
      </c>
      <c r="G6" s="22" t="s">
        <v>12</v>
      </c>
      <c r="H6" s="1"/>
    </row>
    <row r="7" spans="1:8" x14ac:dyDescent="0.35">
      <c r="A7" s="23"/>
      <c r="B7" s="23"/>
      <c r="C7" s="24"/>
      <c r="D7" s="25"/>
      <c r="E7" s="26"/>
      <c r="F7" s="27"/>
      <c r="G7" s="28" t="s">
        <v>13</v>
      </c>
      <c r="H7" s="1"/>
    </row>
    <row r="8" spans="1:8" ht="37.5" x14ac:dyDescent="0.35">
      <c r="A8" s="17" t="s">
        <v>14</v>
      </c>
      <c r="B8" s="29" t="s">
        <v>15</v>
      </c>
      <c r="C8" s="18" t="s">
        <v>8</v>
      </c>
      <c r="D8" s="19" t="s">
        <v>16</v>
      </c>
      <c r="E8" s="20" t="s">
        <v>17</v>
      </c>
      <c r="F8" s="21" t="s">
        <v>18</v>
      </c>
      <c r="G8" s="22" t="s">
        <v>19</v>
      </c>
      <c r="H8" s="1"/>
    </row>
    <row r="9" spans="1:8" x14ac:dyDescent="0.35">
      <c r="A9" s="23"/>
      <c r="B9" s="30"/>
      <c r="C9" s="24"/>
      <c r="D9" s="25"/>
      <c r="E9" s="31"/>
      <c r="F9" s="27"/>
      <c r="G9" s="28" t="s">
        <v>20</v>
      </c>
      <c r="H9" s="1"/>
    </row>
    <row r="10" spans="1:8" ht="37.5" x14ac:dyDescent="0.35">
      <c r="A10" s="17" t="s">
        <v>21</v>
      </c>
      <c r="B10" s="29" t="s">
        <v>22</v>
      </c>
      <c r="C10" s="18" t="s">
        <v>8</v>
      </c>
      <c r="D10" s="19" t="s">
        <v>16</v>
      </c>
      <c r="E10" s="20" t="s">
        <v>23</v>
      </c>
      <c r="F10" s="32" t="s">
        <v>24</v>
      </c>
      <c r="G10" s="22" t="s">
        <v>25</v>
      </c>
      <c r="H10" s="1"/>
    </row>
    <row r="11" spans="1:8" x14ac:dyDescent="0.35">
      <c r="A11" s="23"/>
      <c r="B11" s="30"/>
      <c r="C11" s="24"/>
      <c r="D11" s="25"/>
      <c r="E11" s="33"/>
      <c r="F11" s="27"/>
      <c r="G11" s="22" t="s">
        <v>26</v>
      </c>
      <c r="H11" s="1"/>
    </row>
    <row r="12" spans="1:8" ht="50" x14ac:dyDescent="0.35">
      <c r="A12" s="29" t="s">
        <v>27</v>
      </c>
      <c r="B12" s="29" t="s">
        <v>28</v>
      </c>
      <c r="C12" s="18" t="s">
        <v>8</v>
      </c>
      <c r="D12" s="19" t="s">
        <v>16</v>
      </c>
      <c r="E12" s="20" t="s">
        <v>29</v>
      </c>
      <c r="F12" s="21" t="s">
        <v>30</v>
      </c>
      <c r="G12" s="22" t="s">
        <v>31</v>
      </c>
      <c r="H12" s="1"/>
    </row>
    <row r="13" spans="1:8" x14ac:dyDescent="0.35">
      <c r="A13" s="30"/>
      <c r="B13" s="30"/>
      <c r="C13" s="24"/>
      <c r="D13" s="25"/>
      <c r="E13" s="33"/>
      <c r="F13" s="21"/>
      <c r="G13" s="28" t="s">
        <v>32</v>
      </c>
      <c r="H13" s="1"/>
    </row>
    <row r="14" spans="1:8" ht="37.5" x14ac:dyDescent="0.35">
      <c r="A14" s="29" t="s">
        <v>33</v>
      </c>
      <c r="B14" s="17" t="s">
        <v>34</v>
      </c>
      <c r="C14" s="18" t="s">
        <v>35</v>
      </c>
      <c r="D14" s="19" t="s">
        <v>16</v>
      </c>
      <c r="E14" s="20" t="s">
        <v>36</v>
      </c>
      <c r="F14" s="32" t="s">
        <v>37</v>
      </c>
      <c r="G14" s="22" t="s">
        <v>38</v>
      </c>
      <c r="H14" s="1"/>
    </row>
    <row r="15" spans="1:8" x14ac:dyDescent="0.35">
      <c r="A15" s="30"/>
      <c r="B15" s="23"/>
      <c r="C15" s="24"/>
      <c r="D15" s="25"/>
      <c r="E15" s="31"/>
      <c r="F15" s="27"/>
      <c r="G15" s="22" t="s">
        <v>39</v>
      </c>
      <c r="H15" s="1"/>
    </row>
    <row r="16" spans="1:8" ht="25" x14ac:dyDescent="0.35">
      <c r="A16" s="29" t="s">
        <v>40</v>
      </c>
      <c r="B16" s="17" t="s">
        <v>41</v>
      </c>
      <c r="C16" s="18" t="s">
        <v>8</v>
      </c>
      <c r="D16" s="19" t="s">
        <v>16</v>
      </c>
      <c r="E16" s="20" t="s">
        <v>42</v>
      </c>
      <c r="F16" s="21" t="s">
        <v>43</v>
      </c>
      <c r="G16" s="34" t="s">
        <v>44</v>
      </c>
      <c r="H16" s="1"/>
    </row>
    <row r="17" spans="1:8" ht="15" thickBot="1" x14ac:dyDescent="0.4">
      <c r="A17" s="36"/>
      <c r="B17" s="48"/>
      <c r="C17" s="49"/>
      <c r="D17" s="50"/>
      <c r="E17" s="51"/>
      <c r="F17" s="38"/>
      <c r="G17" s="38" t="s">
        <v>45</v>
      </c>
      <c r="H17" s="1"/>
    </row>
    <row r="18" spans="1:8" x14ac:dyDescent="0.35">
      <c r="A18" s="1"/>
      <c r="B18" s="1"/>
      <c r="C18" s="1"/>
      <c r="D18" s="1"/>
      <c r="E18" s="1"/>
      <c r="F18" s="1"/>
      <c r="G18" s="1"/>
      <c r="H18" s="1"/>
    </row>
    <row r="19" spans="1:8" ht="15" thickBot="1" x14ac:dyDescent="0.4">
      <c r="A19" s="43"/>
      <c r="B19" s="43"/>
      <c r="C19" s="44"/>
      <c r="D19" s="44"/>
      <c r="E19" s="44"/>
      <c r="F19" s="44"/>
      <c r="G19" s="44"/>
      <c r="H19" s="1"/>
    </row>
    <row r="20" spans="1:8" ht="18" x14ac:dyDescent="0.35">
      <c r="A20" s="7" t="s">
        <v>49</v>
      </c>
      <c r="B20" s="8"/>
      <c r="C20" s="8"/>
      <c r="D20" s="8"/>
      <c r="E20" s="8"/>
      <c r="F20" s="8"/>
      <c r="G20" s="9"/>
      <c r="H20" s="1"/>
    </row>
    <row r="21" spans="1:8" ht="15.5" x14ac:dyDescent="0.35">
      <c r="A21" s="10" t="s">
        <v>50</v>
      </c>
      <c r="B21" s="11"/>
      <c r="C21" s="11"/>
      <c r="D21" s="11"/>
      <c r="E21" s="11"/>
      <c r="F21" s="11"/>
      <c r="G21" s="12"/>
      <c r="H21" s="1"/>
    </row>
    <row r="22" spans="1:8" x14ac:dyDescent="0.35">
      <c r="A22" s="13"/>
      <c r="B22" s="14"/>
      <c r="C22" s="15" t="s">
        <v>2</v>
      </c>
      <c r="D22" s="16" t="s">
        <v>3</v>
      </c>
      <c r="E22" s="16"/>
      <c r="F22" s="16"/>
      <c r="G22" s="16"/>
      <c r="H22" s="1"/>
    </row>
    <row r="23" spans="1:8" x14ac:dyDescent="0.35">
      <c r="A23" s="17" t="s">
        <v>51</v>
      </c>
      <c r="B23" s="17" t="s">
        <v>52</v>
      </c>
      <c r="C23" s="35" t="s">
        <v>35</v>
      </c>
      <c r="D23" s="19" t="s">
        <v>53</v>
      </c>
      <c r="E23" s="33" t="s">
        <v>36</v>
      </c>
      <c r="F23" s="45" t="s">
        <v>54</v>
      </c>
      <c r="G23" s="46" t="s">
        <v>55</v>
      </c>
      <c r="H23" s="1"/>
    </row>
    <row r="24" spans="1:8" x14ac:dyDescent="0.35">
      <c r="A24" s="23"/>
      <c r="B24" s="23"/>
      <c r="C24" s="24"/>
      <c r="D24" s="25"/>
      <c r="E24" s="31"/>
      <c r="F24" s="42"/>
      <c r="G24" s="46" t="s">
        <v>56</v>
      </c>
      <c r="H24" s="1"/>
    </row>
    <row r="25" spans="1:8" x14ac:dyDescent="0.35">
      <c r="A25" s="17" t="s">
        <v>57</v>
      </c>
      <c r="B25" s="17" t="s">
        <v>58</v>
      </c>
      <c r="C25" s="35" t="s">
        <v>35</v>
      </c>
      <c r="D25" s="19" t="s">
        <v>9</v>
      </c>
      <c r="E25" s="33" t="s">
        <v>59</v>
      </c>
      <c r="F25" s="45" t="s">
        <v>60</v>
      </c>
      <c r="G25" s="46" t="s">
        <v>47</v>
      </c>
      <c r="H25" s="1"/>
    </row>
    <row r="26" spans="1:8" x14ac:dyDescent="0.35">
      <c r="A26" s="23"/>
      <c r="B26" s="23"/>
      <c r="C26" s="24"/>
      <c r="D26" s="25"/>
      <c r="E26" s="31"/>
      <c r="F26" s="42"/>
      <c r="G26" s="46" t="s">
        <v>61</v>
      </c>
      <c r="H26" s="1"/>
    </row>
    <row r="27" spans="1:8" x14ac:dyDescent="0.35">
      <c r="A27" s="17" t="s">
        <v>62</v>
      </c>
      <c r="B27" s="17" t="s">
        <v>63</v>
      </c>
      <c r="C27" s="35"/>
      <c r="D27" s="19"/>
      <c r="E27" s="33"/>
      <c r="F27" s="45"/>
      <c r="G27" s="46"/>
      <c r="H27" s="1"/>
    </row>
    <row r="28" spans="1:8" x14ac:dyDescent="0.35">
      <c r="A28" s="23"/>
      <c r="B28" s="23"/>
      <c r="C28" s="24"/>
      <c r="D28" s="25"/>
      <c r="E28" s="31"/>
      <c r="F28" s="42"/>
      <c r="G28" s="46"/>
      <c r="H28" s="1"/>
    </row>
    <row r="29" spans="1:8" ht="25" x14ac:dyDescent="0.35">
      <c r="A29" s="17" t="s">
        <v>64</v>
      </c>
      <c r="B29" s="17" t="s">
        <v>65</v>
      </c>
      <c r="C29" s="35" t="s">
        <v>35</v>
      </c>
      <c r="D29" s="19" t="s">
        <v>66</v>
      </c>
      <c r="E29" s="33" t="s">
        <v>67</v>
      </c>
      <c r="F29" s="21" t="s">
        <v>68</v>
      </c>
      <c r="G29" s="46" t="s">
        <v>69</v>
      </c>
      <c r="H29" s="1"/>
    </row>
    <row r="30" spans="1:8" x14ac:dyDescent="0.35">
      <c r="A30" s="23"/>
      <c r="B30" s="23"/>
      <c r="C30" s="24"/>
      <c r="D30" s="25"/>
      <c r="E30" s="31"/>
      <c r="F30" s="21"/>
      <c r="G30" s="46" t="s">
        <v>70</v>
      </c>
      <c r="H30" s="1"/>
    </row>
    <row r="31" spans="1:8" ht="25" x14ac:dyDescent="0.35">
      <c r="A31" s="17" t="s">
        <v>71</v>
      </c>
      <c r="B31" s="17" t="s">
        <v>72</v>
      </c>
      <c r="C31" s="35" t="s">
        <v>35</v>
      </c>
      <c r="D31" s="19" t="s">
        <v>53</v>
      </c>
      <c r="E31" s="33" t="s">
        <v>73</v>
      </c>
      <c r="F31" s="32" t="s">
        <v>74</v>
      </c>
      <c r="G31" s="46" t="s">
        <v>20</v>
      </c>
      <c r="H31" s="1"/>
    </row>
    <row r="32" spans="1:8" ht="15" thickBot="1" x14ac:dyDescent="0.4">
      <c r="A32" s="23"/>
      <c r="B32" s="23"/>
      <c r="C32" s="24"/>
      <c r="D32" s="25"/>
      <c r="E32" s="31"/>
      <c r="F32" s="27"/>
      <c r="G32" s="46" t="s">
        <v>75</v>
      </c>
      <c r="H32" s="1"/>
    </row>
    <row r="33" spans="1:8" ht="18" x14ac:dyDescent="0.35">
      <c r="A33" s="7" t="s">
        <v>76</v>
      </c>
      <c r="B33" s="8"/>
      <c r="C33" s="8"/>
      <c r="D33" s="8"/>
      <c r="E33" s="8"/>
      <c r="F33" s="8"/>
      <c r="G33" s="9"/>
      <c r="H33" s="1"/>
    </row>
    <row r="34" spans="1:8" ht="15.5" x14ac:dyDescent="0.35">
      <c r="A34" s="10" t="s">
        <v>77</v>
      </c>
      <c r="B34" s="11"/>
      <c r="C34" s="11"/>
      <c r="D34" s="11"/>
      <c r="E34" s="11"/>
      <c r="F34" s="11"/>
      <c r="G34" s="12"/>
      <c r="H34" s="1"/>
    </row>
    <row r="35" spans="1:8" x14ac:dyDescent="0.35">
      <c r="A35" s="13"/>
      <c r="B35" s="14"/>
      <c r="C35" s="15" t="s">
        <v>2</v>
      </c>
      <c r="D35" s="16" t="s">
        <v>3</v>
      </c>
      <c r="E35" s="16"/>
      <c r="F35" s="16"/>
      <c r="G35" s="16"/>
      <c r="H35" s="1"/>
    </row>
    <row r="36" spans="1:8" x14ac:dyDescent="0.35">
      <c r="A36" s="17" t="s">
        <v>78</v>
      </c>
      <c r="B36" s="17" t="s">
        <v>79</v>
      </c>
      <c r="C36" s="35"/>
      <c r="D36" s="19"/>
      <c r="E36" s="33"/>
      <c r="F36" s="21"/>
      <c r="G36" s="22"/>
      <c r="H36" s="1"/>
    </row>
    <row r="37" spans="1:8" x14ac:dyDescent="0.35">
      <c r="A37" s="23"/>
      <c r="B37" s="23"/>
      <c r="C37" s="24"/>
      <c r="D37" s="25"/>
      <c r="E37" s="31"/>
      <c r="F37" s="27"/>
      <c r="G37" s="28"/>
      <c r="H37" s="1"/>
    </row>
    <row r="38" spans="1:8" ht="25" x14ac:dyDescent="0.35">
      <c r="A38" s="17" t="s">
        <v>80</v>
      </c>
      <c r="B38" s="17" t="s">
        <v>81</v>
      </c>
      <c r="C38" s="35" t="s">
        <v>8</v>
      </c>
      <c r="D38" s="19" t="s">
        <v>46</v>
      </c>
      <c r="E38" s="33" t="s">
        <v>82</v>
      </c>
      <c r="F38" s="32" t="s">
        <v>83</v>
      </c>
      <c r="G38" s="41" t="s">
        <v>84</v>
      </c>
      <c r="H38" s="1"/>
    </row>
    <row r="39" spans="1:8" x14ac:dyDescent="0.35">
      <c r="A39" s="23"/>
      <c r="B39" s="23"/>
      <c r="C39" s="24"/>
      <c r="D39" s="25"/>
      <c r="E39" s="26"/>
      <c r="F39" s="27"/>
      <c r="G39" s="41" t="s">
        <v>85</v>
      </c>
      <c r="H39" s="1"/>
    </row>
    <row r="40" spans="1:8" x14ac:dyDescent="0.35">
      <c r="A40" s="17" t="s">
        <v>86</v>
      </c>
      <c r="B40" s="47" t="s">
        <v>87</v>
      </c>
      <c r="C40" s="35" t="s">
        <v>35</v>
      </c>
      <c r="D40" s="19" t="s">
        <v>9</v>
      </c>
      <c r="E40" s="33" t="s">
        <v>88</v>
      </c>
      <c r="F40" s="40" t="s">
        <v>89</v>
      </c>
      <c r="G40" s="41" t="s">
        <v>48</v>
      </c>
      <c r="H40" s="1"/>
    </row>
    <row r="41" spans="1:8" x14ac:dyDescent="0.35">
      <c r="A41" s="23"/>
      <c r="B41" s="23"/>
      <c r="C41" s="24"/>
      <c r="D41" s="25"/>
      <c r="E41" s="26" t="s">
        <v>90</v>
      </c>
      <c r="F41" s="42"/>
      <c r="G41" s="41" t="s">
        <v>91</v>
      </c>
      <c r="H41" s="1"/>
    </row>
    <row r="42" spans="1:8" x14ac:dyDescent="0.35">
      <c r="A42" s="17" t="s">
        <v>92</v>
      </c>
      <c r="B42" s="17" t="s">
        <v>93</v>
      </c>
      <c r="C42" s="35" t="s">
        <v>8</v>
      </c>
      <c r="D42" s="19" t="s">
        <v>94</v>
      </c>
      <c r="E42" s="33" t="s">
        <v>95</v>
      </c>
      <c r="F42" s="40" t="s">
        <v>96</v>
      </c>
      <c r="G42" s="41" t="s">
        <v>97</v>
      </c>
      <c r="H42" s="1"/>
    </row>
    <row r="43" spans="1:8" x14ac:dyDescent="0.35">
      <c r="A43" s="23"/>
      <c r="B43" s="23"/>
      <c r="C43" s="24"/>
      <c r="D43" s="25"/>
      <c r="E43" s="26"/>
      <c r="F43" s="42"/>
      <c r="G43" s="41" t="s">
        <v>98</v>
      </c>
      <c r="H43" s="1"/>
    </row>
    <row r="44" spans="1:8" ht="50" x14ac:dyDescent="0.35">
      <c r="A44" s="47" t="s">
        <v>99</v>
      </c>
      <c r="B44" s="17" t="s">
        <v>100</v>
      </c>
      <c r="C44" s="35" t="s">
        <v>8</v>
      </c>
      <c r="D44" s="19" t="s">
        <v>53</v>
      </c>
      <c r="E44" s="33" t="s">
        <v>101</v>
      </c>
      <c r="F44" s="32" t="s">
        <v>102</v>
      </c>
      <c r="G44" s="22" t="s">
        <v>103</v>
      </c>
      <c r="H44" s="1"/>
    </row>
    <row r="45" spans="1:8" ht="15" thickBot="1" x14ac:dyDescent="0.4">
      <c r="A45" s="48"/>
      <c r="B45" s="48"/>
      <c r="C45" s="49"/>
      <c r="D45" s="50"/>
      <c r="E45" s="37"/>
      <c r="F45" s="38"/>
      <c r="G45" s="39" t="s">
        <v>104</v>
      </c>
      <c r="H45" s="1"/>
    </row>
    <row r="46" spans="1:8" x14ac:dyDescent="0.35">
      <c r="A46" s="1"/>
      <c r="B46" s="1"/>
      <c r="C46" s="1"/>
      <c r="D46" s="1"/>
      <c r="E46" s="1"/>
      <c r="F46" s="1"/>
      <c r="G46" s="1"/>
      <c r="H46" s="1"/>
    </row>
    <row r="47" spans="1:8" x14ac:dyDescent="0.35">
      <c r="A47" s="1"/>
      <c r="B47" s="1"/>
      <c r="C47" s="1"/>
      <c r="D47" s="1"/>
      <c r="E47" s="1"/>
      <c r="F47" s="1"/>
      <c r="G47" s="1"/>
      <c r="H47" s="1"/>
    </row>
    <row r="48" spans="1:8" x14ac:dyDescent="0.35">
      <c r="A48" s="1"/>
      <c r="B48" s="1"/>
      <c r="C48" s="1"/>
      <c r="D48" s="1"/>
      <c r="E48" s="1"/>
      <c r="F48" s="1"/>
      <c r="G48" s="1"/>
      <c r="H48" s="1"/>
    </row>
  </sheetData>
  <mergeCells count="73">
    <mergeCell ref="A44:A45"/>
    <mergeCell ref="B44:B45"/>
    <mergeCell ref="C44:C45"/>
    <mergeCell ref="D44:D45"/>
    <mergeCell ref="F40:F41"/>
    <mergeCell ref="A42:A43"/>
    <mergeCell ref="B42:B43"/>
    <mergeCell ref="C42:C43"/>
    <mergeCell ref="D42:D43"/>
    <mergeCell ref="F42:F43"/>
    <mergeCell ref="A38:A39"/>
    <mergeCell ref="B38:B39"/>
    <mergeCell ref="C38:C39"/>
    <mergeCell ref="D38:D39"/>
    <mergeCell ref="A40:A41"/>
    <mergeCell ref="B40:B41"/>
    <mergeCell ref="C40:C41"/>
    <mergeCell ref="D40:D41"/>
    <mergeCell ref="A33:G33"/>
    <mergeCell ref="A34:G34"/>
    <mergeCell ref="A35:B35"/>
    <mergeCell ref="A36:A37"/>
    <mergeCell ref="B36:B37"/>
    <mergeCell ref="C36:C37"/>
    <mergeCell ref="D36:D37"/>
    <mergeCell ref="A29:A30"/>
    <mergeCell ref="B29:B30"/>
    <mergeCell ref="C29:C30"/>
    <mergeCell ref="D29:D30"/>
    <mergeCell ref="A31:A32"/>
    <mergeCell ref="B31:B32"/>
    <mergeCell ref="C31:C32"/>
    <mergeCell ref="D31:D32"/>
    <mergeCell ref="A25:A26"/>
    <mergeCell ref="B25:B26"/>
    <mergeCell ref="C25:C26"/>
    <mergeCell ref="D25:D26"/>
    <mergeCell ref="F25:F26"/>
    <mergeCell ref="A27:A28"/>
    <mergeCell ref="B27:B28"/>
    <mergeCell ref="C27:C28"/>
    <mergeCell ref="D27:D28"/>
    <mergeCell ref="F27:F28"/>
    <mergeCell ref="A20:G20"/>
    <mergeCell ref="A21:G21"/>
    <mergeCell ref="A22:B22"/>
    <mergeCell ref="A23:A24"/>
    <mergeCell ref="B23:B24"/>
    <mergeCell ref="C23:C24"/>
    <mergeCell ref="D23:D24"/>
    <mergeCell ref="F23:F24"/>
    <mergeCell ref="A19:B19"/>
    <mergeCell ref="C12:C13"/>
    <mergeCell ref="D12:D13"/>
    <mergeCell ref="B14:B15"/>
    <mergeCell ref="C14:C15"/>
    <mergeCell ref="D14:D15"/>
    <mergeCell ref="B16:B17"/>
    <mergeCell ref="C16:C17"/>
    <mergeCell ref="D16:D17"/>
    <mergeCell ref="A8:A9"/>
    <mergeCell ref="C8:C9"/>
    <mergeCell ref="D8:D9"/>
    <mergeCell ref="A10:A11"/>
    <mergeCell ref="C10:C11"/>
    <mergeCell ref="D10:D11"/>
    <mergeCell ref="A3:G3"/>
    <mergeCell ref="A4:G4"/>
    <mergeCell ref="A5:B5"/>
    <mergeCell ref="A6:A7"/>
    <mergeCell ref="B6:B7"/>
    <mergeCell ref="C6:C7"/>
    <mergeCell ref="D6:D7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szek Saks</dc:creator>
  <cp:lastModifiedBy>Leszek Saks</cp:lastModifiedBy>
  <dcterms:created xsi:type="dcterms:W3CDTF">2018-04-12T11:35:00Z</dcterms:created>
  <dcterms:modified xsi:type="dcterms:W3CDTF">2018-04-12T11:40:30Z</dcterms:modified>
</cp:coreProperties>
</file>